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225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brunelpp.sharepoint.com/sites/BrunelIntranet/Client Relations/Reporting/Transparency Reports/2022/06 June/"/>
    </mc:Choice>
  </mc:AlternateContent>
  <xr:revisionPtr revIDLastSave="0" documentId="8_{17948A9D-680D-4AC0-88AA-5089296A099E}" xr6:coauthVersionLast="47" xr6:coauthVersionMax="47" xr10:uidLastSave="{00000000-0000-0000-0000-000000000000}"/>
  <bookViews>
    <workbookView xWindow="-75" yWindow="-16320" windowWidth="29040" windowHeight="15840" xr2:uid="{4AFC1FEC-CB71-4EEB-80F4-B53A86D26317}"/>
  </bookViews>
  <sheets>
    <sheet name="ALO5LITTL" sheetId="2" r:id="rId1"/>
  </sheets>
  <externalReferences>
    <externalReference r:id="rId2"/>
    <externalReference r:id="rId3"/>
    <externalReference r:id="rId4"/>
  </externalReferences>
  <definedNames>
    <definedName name="_AUTOFIT_COLS">#REF!</definedName>
    <definedName name="_BRXLS_SHEETS">#REF!</definedName>
    <definedName name="_CUR_PMS">#REF!</definedName>
    <definedName name="_CURR_PSUM">#REF!</definedName>
    <definedName name="_DETAIL">#REF!</definedName>
    <definedName name="_INSERTAMORT">#REF!</definedName>
    <definedName name="_INSERTBVADJ">#REF!</definedName>
    <definedName name="_INSERTNR">#REF!</definedName>
    <definedName name="_INSERTNRF">#REF!</definedName>
    <definedName name="_INSERTNU">#REF!</definedName>
    <definedName name="_INSERTNUF">#REF!</definedName>
    <definedName name="_INSERTUGF">#REF!</definedName>
    <definedName name="_MAIN">#REF!</definedName>
    <definedName name="_NO_RESIZE_COLS">#REF!</definedName>
    <definedName name="_NO_RESIZE_PAGE">#REF!</definedName>
    <definedName name="_OTHERINTINC">#REF!</definedName>
    <definedName name="_PREV_PMS">#REF!</definedName>
    <definedName name="_PRIOR_PSUM">#REF!</definedName>
    <definedName name="_TOCDETAIL">#REF!</definedName>
    <definedName name="_TOCREPORT">#REF!</definedName>
    <definedName name="_TOCSECTION">#REF!</definedName>
    <definedName name="_TOTALS">#REF!</definedName>
    <definedName name="AddInv">#REF!</definedName>
    <definedName name="AdjNAV">#REF!</definedName>
    <definedName name="b.1mo">#REF!</definedName>
    <definedName name="b.1yr">#REF!</definedName>
    <definedName name="b.3mo">#REF!</definedName>
    <definedName name="b.3yr.ann">#REF!</definedName>
    <definedName name="b.5yr.ann">#REF!</definedName>
    <definedName name="b.incep">#REF!</definedName>
    <definedName name="b.incep.ann">#REF!</definedName>
    <definedName name="b.ytd">#REF!</definedName>
    <definedName name="b2.1mo">#REF!</definedName>
    <definedName name="b2.1yr">#REF!</definedName>
    <definedName name="b2.3mo">#REF!</definedName>
    <definedName name="b2.3yr.ann">#REF!</definedName>
    <definedName name="b2.5yr.ann">#REF!</definedName>
    <definedName name="b2.incep">#REF!</definedName>
    <definedName name="b2.incep.ann">#REF!</definedName>
    <definedName name="b2.ytd">#REF!</definedName>
    <definedName name="BaseInterest">#REF!</definedName>
    <definedName name="BaseNetMoney">#REF!</definedName>
    <definedName name="BasePrincipal">#REF!</definedName>
    <definedName name="BAVBeg">#REF!</definedName>
    <definedName name="BegNav">#REF!</definedName>
    <definedName name="BegValSubTot">#REF!</definedName>
    <definedName name="BenchAvg">#REF!</definedName>
    <definedName name="BenchConv">#REF!</definedName>
    <definedName name="BenchCount">#REF!</definedName>
    <definedName name="BenchDur">#REF!</definedName>
    <definedName name="benchlist">#REF!</definedName>
    <definedName name="Benchmark1Bps">#REF!</definedName>
    <definedName name="Benchmark2Bps">#REF!</definedName>
    <definedName name="Benchmark2Section">#REF!</definedName>
    <definedName name="BenchmarkName">#REF!</definedName>
    <definedName name="BenchmarkName2">#REF!</definedName>
    <definedName name="BenchmarkNameN">#REF!</definedName>
    <definedName name="BenchmarkNSection">#REF!</definedName>
    <definedName name="BenchmarkSection">#REF!</definedName>
    <definedName name="BenchMktYld">#REF!</definedName>
    <definedName name="BenchTicker">#REF!</definedName>
    <definedName name="bn.1mo">#REF!</definedName>
    <definedName name="bn.1yr">#REF!</definedName>
    <definedName name="bn.3mo">#REF!</definedName>
    <definedName name="bn.3yr.ann">#REF!</definedName>
    <definedName name="bn.5yr.ann">#REF!</definedName>
    <definedName name="bn.incep">#REF!</definedName>
    <definedName name="bn.incep.ann">#REF!</definedName>
    <definedName name="bn.ytd">#REF!</definedName>
    <definedName name="BookYld">#REF!</definedName>
    <definedName name="BV_Type">#REF!</definedName>
    <definedName name="BV_Value">#REF!</definedName>
    <definedName name="BVOther">#REF!</definedName>
    <definedName name="BVTotal">#REF!</definedName>
    <definedName name="CASH_CURR">#REF!</definedName>
    <definedName name="CASH_PREV">#REF!</definedName>
    <definedName name="CashAmt">#REF!</definedName>
    <definedName name="CashEqAmt">#REF!</definedName>
    <definedName name="CashHdr">#REF!</definedName>
    <definedName name="ClientName">#REF!</definedName>
    <definedName name="ClientReportingStyle">#REF!</definedName>
    <definedName name="CommCashAmt">#REF!</definedName>
    <definedName name="Coupon">#REF!</definedName>
    <definedName name="cpPeriodC">#REF!</definedName>
    <definedName name="cpPeriodD">#REF!</definedName>
    <definedName name="cur_can_round">#REF!</definedName>
    <definedName name="cur_max">#REF!</definedName>
    <definedName name="cur_short">#REF!</definedName>
    <definedName name="cur_title">#REF!</definedName>
    <definedName name="cur_total">#REF!</definedName>
    <definedName name="cur_value">#REF!</definedName>
    <definedName name="curr_categories">#REF!</definedName>
    <definedName name="CurrencySection">#REF!</definedName>
    <definedName name="CurrentFace">#REF!</definedName>
    <definedName name="CurrentPeriod">#REF!</definedName>
    <definedName name="CurrPSUM">#REF!</definedName>
    <definedName name="CustFees">#REF!</definedName>
    <definedName name="DataSection">#REF!</definedName>
    <definedName name="DataTable">#REF!</definedName>
    <definedName name="DataTableTarget">#REF!</definedName>
    <definedName name="DeleteForDisclaimer">#REF!</definedName>
    <definedName name="Desc">#REF!</definedName>
    <definedName name="Detail">#REF!</definedName>
    <definedName name="Disclaimer">'[2]Sector Mapping'!$Y$1:$Y$40</definedName>
    <definedName name="DisclaimerRange">#REF!</definedName>
    <definedName name="DivPaid">#REF!</definedName>
    <definedName name="EndCurrentPeriod">#REF!</definedName>
    <definedName name="EndNAV">#REF!</definedName>
    <definedName name="EntryNumber">#REF!</definedName>
    <definedName name="EntryText">#REF!</definedName>
    <definedName name="EntryType">#REF!</definedName>
    <definedName name="ExcessReturnSection">#REF!</definedName>
    <definedName name="ExpandRange">#REF!</definedName>
    <definedName name="footnote">#REF!</definedName>
    <definedName name="Frequency">#REF!</definedName>
    <definedName name="FundInceptionDate">#REF!</definedName>
    <definedName name="GapConv">#REF!</definedName>
    <definedName name="GapDur">#REF!</definedName>
    <definedName name="GapMktYld">#REF!</definedName>
    <definedName name="graph.1mo">#REF!</definedName>
    <definedName name="graph.1yr">#REF!</definedName>
    <definedName name="graph.3mo">#REF!</definedName>
    <definedName name="graph.3yr.ann">#REF!</definedName>
    <definedName name="graph.5yr.ann">#REF!</definedName>
    <definedName name="graph.desc">#REF!</definedName>
    <definedName name="graph.incep">#REF!</definedName>
    <definedName name="graph.incep.ann">#REF!</definedName>
    <definedName name="graph.ytd">#REF!</definedName>
    <definedName name="GraphTitle">#REF!</definedName>
    <definedName name="IIBeg">#REF!</definedName>
    <definedName name="IIOtherIntInc">#REF!</definedName>
    <definedName name="IncepDate1">#REF!</definedName>
    <definedName name="IncepDate2">#REF!</definedName>
    <definedName name="InsertAmort">#REF!</definedName>
    <definedName name="InsertBVAdj">#REF!</definedName>
    <definedName name="InsertCur">#REF!</definedName>
    <definedName name="InsertNR">#REF!</definedName>
    <definedName name="InsertNRF">#REF!</definedName>
    <definedName name="InsertNU">#REF!</definedName>
    <definedName name="InsertNUF">#REF!</definedName>
    <definedName name="InsertOtherIntInc">#REF!</definedName>
    <definedName name="InsertPrev">#REF!</definedName>
    <definedName name="InsertUGF">#REF!</definedName>
    <definedName name="Interest">#REF!</definedName>
    <definedName name="Interest_Inc_Type">#REF!</definedName>
    <definedName name="Interest_Inc_Value">#REF!</definedName>
    <definedName name="IntInc">#REF!</definedName>
    <definedName name="ISIN">#REF!</definedName>
    <definedName name="ISO">#REF!</definedName>
    <definedName name="LeftLabel">#REF!</definedName>
    <definedName name="LeftTable">#REF!</definedName>
    <definedName name="ListHoldingFields">'[3]Sector Mapping'!$Y$1:$Y$40</definedName>
    <definedName name="Mandate">#REF!</definedName>
    <definedName name="MatDate">#REF!</definedName>
    <definedName name="MgtFees">#REF!</definedName>
    <definedName name="MktYld">#REF!</definedName>
    <definedName name="NAIBeg">#REF!</definedName>
    <definedName name="NAIOtherAmort">#REF!</definedName>
    <definedName name="NAITotal">#REF!</definedName>
    <definedName name="NAV">#REF!</definedName>
    <definedName name="Net_Amort_Type">#REF!</definedName>
    <definedName name="Net_Amort_Value">#REF!</definedName>
    <definedName name="net_DataSection">#REF!</definedName>
    <definedName name="net_Detail">#REF!</definedName>
    <definedName name="net_name">#REF!</definedName>
    <definedName name="net_section">#REF!</definedName>
    <definedName name="net_value">#REF!</definedName>
    <definedName name="NetMoney">#REF!</definedName>
    <definedName name="NR_Type">#REF!</definedName>
    <definedName name="NR_Value">#REF!</definedName>
    <definedName name="NRBeg">#REF!</definedName>
    <definedName name="NRF_Type">#REF!</definedName>
    <definedName name="NRF_Value">#REF!</definedName>
    <definedName name="NRFBeg">#REF!</definedName>
    <definedName name="NRFOther">#REF!</definedName>
    <definedName name="NRFTotal">#REF!</definedName>
    <definedName name="NRFTotalB4Ugl">#REF!</definedName>
    <definedName name="NROther">#REF!</definedName>
    <definedName name="NRTotal">#REF!</definedName>
    <definedName name="NU_Type">#REF!</definedName>
    <definedName name="NU_Value">#REF!</definedName>
    <definedName name="NUBeg">#REF!</definedName>
    <definedName name="NUF_Type">#REF!</definedName>
    <definedName name="NUF_Value">#REF!</definedName>
    <definedName name="NUFBeg">#REF!</definedName>
    <definedName name="NUFOther">#REF!</definedName>
    <definedName name="NUFTotal">#REF!</definedName>
    <definedName name="NUOther">#REF!</definedName>
    <definedName name="NUTotal">#REF!</definedName>
    <definedName name="OrigFace">#REF!</definedName>
    <definedName name="OtherFXUGL">#REF!</definedName>
    <definedName name="OtherHDR">#REF!</definedName>
    <definedName name="OtherIntInc">#REF!</definedName>
    <definedName name="p.1mo">#REF!</definedName>
    <definedName name="p.1yr">#REF!</definedName>
    <definedName name="p.3mo">#REF!</definedName>
    <definedName name="p.3yr.ann">#REF!</definedName>
    <definedName name="p.5yr.ann">#REF!</definedName>
    <definedName name="p.incep">#REF!</definedName>
    <definedName name="p.incep.ann">#REF!</definedName>
    <definedName name="p.ytd">#REF!</definedName>
    <definedName name="Paragraph">#REF!</definedName>
    <definedName name="pBenchAvg">#REF!</definedName>
    <definedName name="pBenchConv">#REF!</definedName>
    <definedName name="pBenchDur">#REF!</definedName>
    <definedName name="pBenchMktYld">#REF!</definedName>
    <definedName name="pBookYld">#REF!</definedName>
    <definedName name="pCashAmt">#REF!</definedName>
    <definedName name="pCashEqAmt">#REF!</definedName>
    <definedName name="pCommCashAmt">#REF!</definedName>
    <definedName name="pGapConv">#REF!</definedName>
    <definedName name="pGapDur">#REF!</definedName>
    <definedName name="pGapMktYld">#REF!</definedName>
    <definedName name="pMktYld">#REF!</definedName>
    <definedName name="pNAV">#REF!</definedName>
    <definedName name="Port_Fullname">#REF!</definedName>
    <definedName name="PortAvg">#REF!</definedName>
    <definedName name="PortConv">#REF!</definedName>
    <definedName name="PortDur">#REF!</definedName>
    <definedName name="PortfolioFullName">#REF!</definedName>
    <definedName name="PortfolioName">#REF!</definedName>
    <definedName name="PortfolioSection">#REF!</definedName>
    <definedName name="PortfolioTicker">#REF!</definedName>
    <definedName name="pPeriodC">#REF!</definedName>
    <definedName name="pPeriodD">#REF!</definedName>
    <definedName name="pPortAvg">#REF!</definedName>
    <definedName name="pPortConv">#REF!</definedName>
    <definedName name="pPortDur">#REF!</definedName>
    <definedName name="PREV_AMOUNT">#REF!</definedName>
    <definedName name="prev_can_round">#REF!</definedName>
    <definedName name="prev_categories">#REF!</definedName>
    <definedName name="prev_max">#REF!</definedName>
    <definedName name="prev_title">#REF!</definedName>
    <definedName name="prev_total">#REF!</definedName>
    <definedName name="prev_value">#REF!</definedName>
    <definedName name="prevCashHdr">#REF!</definedName>
    <definedName name="prevOtherHDR">#REF!</definedName>
    <definedName name="Price">#REF!</definedName>
    <definedName name="Principal">#REF!</definedName>
    <definedName name="PrintAreaWithDisclaimer">#REF!</definedName>
    <definedName name="PriorPeriod">#REF!</definedName>
    <definedName name="PriorPeriodRegion">#REF!</definedName>
    <definedName name="PriorPSUM">#REF!</definedName>
    <definedName name="PriorUGL">#REF!</definedName>
    <definedName name="pUGL">#REF!</definedName>
    <definedName name="pYTDRGL">#REF!</definedName>
    <definedName name="RemoveLine">#REF!</definedName>
    <definedName name="ReportCurrency">#REF!</definedName>
    <definedName name="ReportDate">#REF!</definedName>
    <definedName name="ReportName">#REF!</definedName>
    <definedName name="ReportTitle">#REF!</definedName>
    <definedName name="RGL">#REF!</definedName>
    <definedName name="RightLabel">#REF!</definedName>
    <definedName name="RightTable">#REF!</definedName>
    <definedName name="Rows.1Bench">#REF!</definedName>
    <definedName name="Rows.NoBench">#REF!</definedName>
    <definedName name="rpt_name">#REF!</definedName>
    <definedName name="rpt_title">#REF!</definedName>
    <definedName name="RunDate">#REF!</definedName>
    <definedName name="SettleDate">#REF!</definedName>
    <definedName name="ShareClass">#REF!</definedName>
    <definedName name="show_nav">#REF!</definedName>
    <definedName name="SubtotalInterest">#REF!</definedName>
    <definedName name="SubtotalLabel">#REF!</definedName>
    <definedName name="SubtotalNetMoney">#REF!</definedName>
    <definedName name="SubtotalPrincipal">#REF!</definedName>
    <definedName name="SummingAmort">#REF!</definedName>
    <definedName name="SummingBookValue">#REF!</definedName>
    <definedName name="SummingFees">#REF!</definedName>
    <definedName name="SummingIntInc">#REF!</definedName>
    <definedName name="SummingNR">#REF!</definedName>
    <definedName name="SummingNRF">#REF!</definedName>
    <definedName name="SummingNU">#REF!</definedName>
    <definedName name="SummingNUF">#REF!</definedName>
    <definedName name="SummingUGF">#REF!</definedName>
    <definedName name="TaxableRows">#REF!</definedName>
    <definedName name="TaxableRowsCurrent">#REF!</definedName>
    <definedName name="TaxableRowsPrior">#REF!</definedName>
    <definedName name="TaxStatus">#REF!</definedName>
    <definedName name="TOCRegion">#REF!</definedName>
    <definedName name="tolerance">#REF!</definedName>
    <definedName name="TotalInterest">#REF!</definedName>
    <definedName name="TotalIntInc">#REF!</definedName>
    <definedName name="TotalLabel">#REF!</definedName>
    <definedName name="TotalMC">#REF!</definedName>
    <definedName name="TotalNetMoney">#REF!</definedName>
    <definedName name="TotalPrincipal">#REF!</definedName>
    <definedName name="tPortName">#REF!</definedName>
    <definedName name="TradeDate">#REF!</definedName>
    <definedName name="TradeNumber">#REF!</definedName>
    <definedName name="TradeType">#REF!</definedName>
    <definedName name="UGF_Type">#REF!</definedName>
    <definedName name="UGF_Value">#REF!</definedName>
    <definedName name="UGFBeg">#REF!</definedName>
    <definedName name="UGFOther">#REF!</definedName>
    <definedName name="UGFSubtotal">#REF!</definedName>
    <definedName name="UGFTotalAccrued">#REF!</definedName>
    <definedName name="UGL">#REF!</definedName>
    <definedName name="xs.1mo">#REF!</definedName>
    <definedName name="xs.1yr">#REF!</definedName>
    <definedName name="xs.3mo">#REF!</definedName>
    <definedName name="xs.3yr.ann">#REF!</definedName>
    <definedName name="xs.5yr.ann">#REF!</definedName>
    <definedName name="xs.header">#REF!</definedName>
    <definedName name="xs.incep">#REF!</definedName>
    <definedName name="xs.incep.ann">#REF!</definedName>
    <definedName name="xs.ytd">#REF!</definedName>
    <definedName name="Yield">#REF!</definedName>
    <definedName name="YTDRGL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sharedStrings.xml><?xml version="1.0" encoding="utf-8"?>
<sst xmlns="http://schemas.openxmlformats.org/spreadsheetml/2006/main" count="148" uniqueCount="59">
  <si>
    <t>Powered by BlackRock Solutions®</t>
  </si>
  <si>
    <t>Confidential - For Internal Use Only. Generated: Jul 07 2022 09:59:14 EDT</t>
  </si>
  <si>
    <t/>
  </si>
  <si>
    <t>GBP</t>
  </si>
  <si>
    <t>UK I/L GILT       RegS</t>
  </si>
  <si>
    <t>GB00B0CNHZ09</t>
  </si>
  <si>
    <t>GB00B1L6W962</t>
  </si>
  <si>
    <t>GB00B3D4VD98</t>
  </si>
  <si>
    <t>GB00B3LZBF68</t>
  </si>
  <si>
    <t>GB00B128DH60</t>
  </si>
  <si>
    <t>GB00B3MYD345</t>
  </si>
  <si>
    <t>GB00B24FFM16</t>
  </si>
  <si>
    <t>GB00B46CGH68</t>
  </si>
  <si>
    <t>GB00B7RN0G65</t>
  </si>
  <si>
    <t>GB00B421JZ66</t>
  </si>
  <si>
    <t>GB00B4PTCY75</t>
  </si>
  <si>
    <t>GB00BDX8CX86</t>
  </si>
  <si>
    <t>GB00B3Y1JG82</t>
  </si>
  <si>
    <t>GB00BZ1NTB69</t>
  </si>
  <si>
    <t>GB0031790826</t>
  </si>
  <si>
    <t>GB00B73ZYW09</t>
  </si>
  <si>
    <t>GB00BYZW3J87</t>
  </si>
  <si>
    <t>GB00BYMWG366</t>
  </si>
  <si>
    <t>GB00BP9DLZ64</t>
  </si>
  <si>
    <t>GB00BGDYHF49</t>
  </si>
  <si>
    <t>GB0008932666</t>
  </si>
  <si>
    <t>GB00BZ13DV40</t>
  </si>
  <si>
    <t>GB00BD9MZZ71</t>
  </si>
  <si>
    <t>GB00BYVP4K94</t>
  </si>
  <si>
    <t>UK I/L GILT 0.125 8/10/31 0.125 8 RegS</t>
  </si>
  <si>
    <t>GB00BNNGP551</t>
  </si>
  <si>
    <t>GB00BLH38265</t>
  </si>
  <si>
    <t>GB00BNNGP882</t>
  </si>
  <si>
    <t>GB00BM8Z2W66</t>
  </si>
  <si>
    <t>IBND</t>
  </si>
  <si>
    <t>ALO5LITTL</t>
  </si>
  <si>
    <t>Currency</t>
  </si>
  <si>
    <t>Market Value</t>
  </si>
  <si>
    <t>Security Description</t>
  </si>
  <si>
    <t>Par Value (m)</t>
  </si>
  <si>
    <t>ISIN</t>
  </si>
  <si>
    <t>&lt;Security Group&gt;</t>
  </si>
  <si>
    <t>NoCash</t>
  </si>
  <si>
    <t>Enabled</t>
  </si>
  <si>
    <t>Primary (FTILGLT5P)</t>
  </si>
  <si>
    <t>30-JUN-2022</t>
  </si>
  <si>
    <t>Aquila Life Over 5 Years UK Index Linked Gilt Index Fund</t>
  </si>
  <si>
    <t>Brunel Holdings</t>
  </si>
  <si>
    <t>Active Exposure by Sector</t>
  </si>
  <si>
    <t>Breakdown</t>
  </si>
  <si>
    <t>Widget Filter</t>
  </si>
  <si>
    <t>Look-through</t>
  </si>
  <si>
    <t>Benchmark</t>
  </si>
  <si>
    <t>Date</t>
  </si>
  <si>
    <t>Portfolio Short Name</t>
  </si>
  <si>
    <t>Portfolio Full Name</t>
  </si>
  <si>
    <t>Layout</t>
  </si>
  <si>
    <t>Widget</t>
  </si>
  <si>
    <t>Expl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,"/>
  </numFmts>
  <fonts count="6" x14ac:knownFonts="1">
    <font>
      <sz val="11"/>
      <color theme="1"/>
      <name val="Calibri"/>
      <family val="2"/>
      <scheme val="minor"/>
    </font>
    <font>
      <sz val="11"/>
      <color indexed="8"/>
      <name val="Calibri"/>
      <family val="2"/>
      <scheme val="minor"/>
    </font>
    <font>
      <b/>
      <sz val="10"/>
      <name val="Arial"/>
      <family val="2"/>
    </font>
    <font>
      <sz val="10"/>
      <name val="Arial"/>
      <family val="2"/>
    </font>
    <font>
      <b/>
      <sz val="11"/>
      <name val="Calibri"/>
      <family val="2"/>
    </font>
    <font>
      <sz val="10"/>
      <color indexed="9"/>
      <name val="Arial"/>
      <family val="2"/>
    </font>
  </fonts>
  <fills count="8">
    <fill>
      <patternFill patternType="none"/>
    </fill>
    <fill>
      <patternFill patternType="gray125"/>
    </fill>
    <fill>
      <patternFill patternType="solid">
        <fgColor rgb="FFEBEBEB"/>
      </patternFill>
    </fill>
    <fill>
      <patternFill patternType="solid">
        <fgColor rgb="FFFFFFFF"/>
      </patternFill>
    </fill>
    <fill>
      <patternFill patternType="solid">
        <fgColor rgb="FFB0D1B5"/>
      </patternFill>
    </fill>
    <fill>
      <patternFill patternType="solid">
        <fgColor rgb="FFA5CBAB"/>
      </patternFill>
    </fill>
    <fill>
      <patternFill patternType="solid">
        <fgColor rgb="FFDDDACB"/>
      </patternFill>
    </fill>
    <fill>
      <patternFill patternType="solid">
        <fgColor rgb="FF008CCF"/>
      </patternFill>
    </fill>
  </fills>
  <borders count="9">
    <border>
      <left/>
      <right/>
      <top/>
      <bottom/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/>
      <right/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</borders>
  <cellStyleXfs count="2">
    <xf numFmtId="0" fontId="0" fillId="0" borderId="0"/>
    <xf numFmtId="0" fontId="1" fillId="0" borderId="0"/>
  </cellStyleXfs>
  <cellXfs count="27">
    <xf numFmtId="0" fontId="0" fillId="0" borderId="0" xfId="0"/>
    <xf numFmtId="0" fontId="1" fillId="0" borderId="0" xfId="1"/>
    <xf numFmtId="0" fontId="2" fillId="0" borderId="0" xfId="1" applyFont="1" applyAlignment="1">
      <alignment horizontal="left"/>
    </xf>
    <xf numFmtId="0" fontId="3" fillId="2" borderId="1" xfId="1" applyFont="1" applyFill="1" applyBorder="1" applyAlignment="1">
      <alignment horizontal="left"/>
    </xf>
    <xf numFmtId="4" fontId="3" fillId="2" borderId="1" xfId="1" applyNumberFormat="1" applyFont="1" applyFill="1" applyBorder="1" applyAlignment="1">
      <alignment horizontal="right"/>
    </xf>
    <xf numFmtId="164" fontId="3" fillId="2" borderId="1" xfId="1" applyNumberFormat="1" applyFont="1" applyFill="1" applyBorder="1" applyAlignment="1">
      <alignment horizontal="right"/>
    </xf>
    <xf numFmtId="0" fontId="3" fillId="2" borderId="1" xfId="1" applyFont="1" applyFill="1" applyBorder="1" applyAlignment="1">
      <alignment horizontal="left" indent="2"/>
    </xf>
    <xf numFmtId="0" fontId="3" fillId="3" borderId="1" xfId="1" applyFont="1" applyFill="1" applyBorder="1" applyAlignment="1">
      <alignment horizontal="left"/>
    </xf>
    <xf numFmtId="4" fontId="3" fillId="3" borderId="1" xfId="1" applyNumberFormat="1" applyFont="1" applyFill="1" applyBorder="1" applyAlignment="1">
      <alignment horizontal="right"/>
    </xf>
    <xf numFmtId="164" fontId="3" fillId="3" borderId="1" xfId="1" applyNumberFormat="1" applyFont="1" applyFill="1" applyBorder="1" applyAlignment="1">
      <alignment horizontal="right"/>
    </xf>
    <xf numFmtId="0" fontId="3" fillId="3" borderId="1" xfId="1" applyFont="1" applyFill="1" applyBorder="1" applyAlignment="1">
      <alignment horizontal="left" indent="2"/>
    </xf>
    <xf numFmtId="0" fontId="3" fillId="4" borderId="1" xfId="1" applyFont="1" applyFill="1" applyBorder="1" applyAlignment="1">
      <alignment horizontal="left"/>
    </xf>
    <xf numFmtId="4" fontId="3" fillId="4" borderId="1" xfId="1" applyNumberFormat="1" applyFont="1" applyFill="1" applyBorder="1" applyAlignment="1">
      <alignment horizontal="right"/>
    </xf>
    <xf numFmtId="164" fontId="3" fillId="4" borderId="1" xfId="1" applyNumberFormat="1" applyFont="1" applyFill="1" applyBorder="1" applyAlignment="1">
      <alignment horizontal="right"/>
    </xf>
    <xf numFmtId="0" fontId="3" fillId="4" borderId="1" xfId="1" applyFont="1" applyFill="1" applyBorder="1" applyAlignment="1">
      <alignment horizontal="left" indent="1"/>
    </xf>
    <xf numFmtId="0" fontId="3" fillId="5" borderId="1" xfId="1" applyFont="1" applyFill="1" applyBorder="1" applyAlignment="1">
      <alignment horizontal="left"/>
    </xf>
    <xf numFmtId="4" fontId="3" fillId="5" borderId="1" xfId="1" applyNumberFormat="1" applyFont="1" applyFill="1" applyBorder="1" applyAlignment="1">
      <alignment horizontal="right"/>
    </xf>
    <xf numFmtId="164" fontId="3" fillId="5" borderId="1" xfId="1" applyNumberFormat="1" applyFont="1" applyFill="1" applyBorder="1" applyAlignment="1">
      <alignment horizontal="right"/>
    </xf>
    <xf numFmtId="0" fontId="2" fillId="6" borderId="2" xfId="1" applyFont="1" applyFill="1" applyBorder="1" applyAlignment="1">
      <alignment horizontal="center" wrapText="1"/>
    </xf>
    <xf numFmtId="0" fontId="4" fillId="0" borderId="3" xfId="1" applyFont="1" applyBorder="1" applyAlignment="1">
      <alignment horizontal="center"/>
    </xf>
    <xf numFmtId="0" fontId="4" fillId="0" borderId="4" xfId="1" applyFont="1" applyBorder="1" applyAlignment="1">
      <alignment horizontal="center"/>
    </xf>
    <xf numFmtId="0" fontId="4" fillId="0" borderId="5" xfId="1" applyFont="1" applyBorder="1" applyAlignment="1">
      <alignment horizontal="center"/>
    </xf>
    <xf numFmtId="0" fontId="4" fillId="0" borderId="6" xfId="1" applyFont="1" applyBorder="1" applyAlignment="1">
      <alignment horizontal="center"/>
    </xf>
    <xf numFmtId="0" fontId="4" fillId="0" borderId="7" xfId="1" applyFont="1" applyBorder="1" applyAlignment="1">
      <alignment horizontal="center"/>
    </xf>
    <xf numFmtId="0" fontId="4" fillId="0" borderId="8" xfId="1" applyFont="1" applyBorder="1" applyAlignment="1">
      <alignment horizontal="center"/>
    </xf>
    <xf numFmtId="0" fontId="1" fillId="7" borderId="0" xfId="1" applyFill="1"/>
    <xf numFmtId="0" fontId="5" fillId="7" borderId="0" xfId="1" applyFont="1" applyFill="1"/>
  </cellXfs>
  <cellStyles count="2">
    <cellStyle name="Normal" xfId="0" builtinId="0"/>
    <cellStyle name="Normal 2" xfId="1" xr:uid="{70DD1BDE-1496-456C-8905-AE6FB44DFF64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1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10" Type="http://schemas.openxmlformats.org/officeDocument/2006/relationships/customXml" Target="../customXml/item3.xml"/><Relationship Id="rId4" Type="http://schemas.openxmlformats.org/officeDocument/2006/relationships/externalLink" Target="externalLinks/externalLink3.xml"/><Relationship Id="rId9" Type="http://schemas.openxmlformats.org/officeDocument/2006/relationships/customXml" Target="../customXml/item2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bethan.jones\Downloads\BPPBUCKTTL.282945.854803.portfolio.20220630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Z:\data\i456176\Temp\DropOL\zzBLKBespokeSectorMapping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NAEAST.AD.JPMORGANCHASE.COM\AmerXBUS$\data\i456176\Temp\DropOL\zzBLKBespokeSectorMapping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ALLNGGTTL"/>
      <sheetName val="Fund Weightings"/>
    </sheetNames>
    <sheetDataSet>
      <sheetData sheetId="0"/>
      <sheetData sheetId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Sector Mapping"/>
      <sheetName val="Sector Mapping (2)"/>
    </sheetNames>
    <sheetDataSet>
      <sheetData sheetId="0">
        <row r="1">
          <cell r="Y1" t="str">
            <v>Account Number</v>
          </cell>
        </row>
        <row r="2">
          <cell r="Y2" t="str">
            <v>Accrued Income (Base)</v>
          </cell>
        </row>
        <row r="3">
          <cell r="Y3" t="str">
            <v>Accrued Income (Local)</v>
          </cell>
        </row>
        <row r="4">
          <cell r="Y4" t="str">
            <v>Accrued Income Gross (Base)</v>
          </cell>
        </row>
        <row r="5">
          <cell r="Y5" t="str">
            <v>Accrued Income Net</v>
          </cell>
        </row>
        <row r="6">
          <cell r="Y6" t="str">
            <v>Asset Group</v>
          </cell>
        </row>
        <row r="7">
          <cell r="Y7" t="str">
            <v>Asset Sort</v>
          </cell>
        </row>
        <row r="8">
          <cell r="Y8" t="str">
            <v>Asset Type</v>
          </cell>
        </row>
        <row r="9">
          <cell r="Y9" t="str">
            <v>Base GBP Cash Balance</v>
          </cell>
        </row>
        <row r="10">
          <cell r="Y10" t="str">
            <v>BLK Sector 1</v>
          </cell>
        </row>
        <row r="11">
          <cell r="Y11" t="str">
            <v>BLK Sector 2</v>
          </cell>
        </row>
        <row r="12">
          <cell r="Y12" t="str">
            <v>Book Cost (Base)</v>
          </cell>
        </row>
        <row r="13">
          <cell r="Y13" t="str">
            <v>Book Cost (Local)</v>
          </cell>
        </row>
        <row r="14">
          <cell r="Y14" t="str">
            <v>Call</v>
          </cell>
        </row>
        <row r="15">
          <cell r="Y15" t="str">
            <v>Category Code</v>
          </cell>
        </row>
        <row r="16">
          <cell r="Y16" t="str">
            <v>Country of Exposure</v>
          </cell>
        </row>
        <row r="17">
          <cell r="Y17" t="str">
            <v>Currency</v>
          </cell>
        </row>
        <row r="18">
          <cell r="Y18" t="str">
            <v>Dividend Rate</v>
          </cell>
        </row>
        <row r="19">
          <cell r="Y19" t="str">
            <v>Ex Date</v>
          </cell>
        </row>
        <row r="20">
          <cell r="Y20" t="str">
            <v>Income Currency</v>
          </cell>
        </row>
        <row r="21">
          <cell r="Y21" t="str">
            <v>Industry Code</v>
          </cell>
        </row>
        <row r="22">
          <cell r="Y22" t="str">
            <v>Market Value (Base)</v>
          </cell>
        </row>
        <row r="23">
          <cell r="Y23" t="str">
            <v>Market Value (Local)</v>
          </cell>
        </row>
        <row r="24">
          <cell r="Y24" t="str">
            <v>Pay Date</v>
          </cell>
        </row>
        <row r="25">
          <cell r="Y25" t="str">
            <v>Price</v>
          </cell>
        </row>
        <row r="26">
          <cell r="Y26" t="str">
            <v>Price Currency</v>
          </cell>
        </row>
        <row r="27">
          <cell r="Y27" t="str">
            <v>Reclaim Amount</v>
          </cell>
        </row>
        <row r="28">
          <cell r="Y28" t="str">
            <v>Reclaim Amount (Base)</v>
          </cell>
        </row>
        <row r="29">
          <cell r="Y29" t="str">
            <v>Region</v>
          </cell>
        </row>
        <row r="30">
          <cell r="Y30" t="str">
            <v>Row</v>
          </cell>
        </row>
        <row r="31">
          <cell r="Y31" t="str">
            <v>SAUD3 Fld35</v>
          </cell>
        </row>
        <row r="32">
          <cell r="Y32" t="str">
            <v>Sector Code</v>
          </cell>
        </row>
        <row r="33">
          <cell r="Y33" t="str">
            <v>Security Description Line 1</v>
          </cell>
        </row>
        <row r="34">
          <cell r="Y34" t="str">
            <v>Security Number</v>
          </cell>
        </row>
        <row r="35">
          <cell r="Y35" t="str">
            <v>Security Number (Full)</v>
          </cell>
        </row>
        <row r="36">
          <cell r="Y36" t="str">
            <v>Segment Code</v>
          </cell>
        </row>
        <row r="37">
          <cell r="Y37" t="str">
            <v>Settled Market Value (Base)</v>
          </cell>
        </row>
        <row r="38">
          <cell r="Y38" t="str">
            <v>Shares Par</v>
          </cell>
        </row>
        <row r="39">
          <cell r="Y39" t="str">
            <v>Withholding</v>
          </cell>
        </row>
        <row r="40">
          <cell r="Y40" t="str">
            <v>Withholding (Base)</v>
          </cell>
        </row>
      </sheetData>
      <sheetData sheetId="1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A94B833-B2A2-4149-ADF0-1E84CD3EC278}">
  <dimension ref="A1:J40"/>
  <sheetViews>
    <sheetView tabSelected="1" workbookViewId="0">
      <selection activeCell="I31" sqref="I31"/>
    </sheetView>
  </sheetViews>
  <sheetFormatPr defaultColWidth="9.1796875" defaultRowHeight="14.5" x14ac:dyDescent="0.35"/>
  <cols>
    <col min="1" max="1" width="65.26953125" style="1" bestFit="1" customWidth="1"/>
    <col min="2" max="2" width="48.81640625" style="1" customWidth="1"/>
    <col min="3" max="3" width="29" style="1" customWidth="1"/>
    <col min="4" max="4" width="17.81640625" style="1" customWidth="1"/>
    <col min="5" max="5" width="12.1796875" style="1" customWidth="1"/>
    <col min="6" max="10" width="15" style="1" customWidth="1"/>
    <col min="11" max="16384" width="9.1796875" style="1"/>
  </cols>
  <sheetData>
    <row r="1" spans="1:10" x14ac:dyDescent="0.35">
      <c r="A1" s="26" t="s">
        <v>58</v>
      </c>
      <c r="B1" s="25" t="s">
        <v>2</v>
      </c>
      <c r="C1" s="25" t="s">
        <v>2</v>
      </c>
      <c r="D1" s="25" t="s">
        <v>2</v>
      </c>
      <c r="E1" s="25" t="s">
        <v>2</v>
      </c>
      <c r="F1" s="25" t="s">
        <v>2</v>
      </c>
      <c r="G1" s="25" t="s">
        <v>2</v>
      </c>
      <c r="H1" s="25" t="s">
        <v>2</v>
      </c>
      <c r="I1" s="25" t="s">
        <v>2</v>
      </c>
      <c r="J1" s="25" t="s">
        <v>2</v>
      </c>
    </row>
    <row r="2" spans="1:10" x14ac:dyDescent="0.35">
      <c r="A2" s="1" t="s">
        <v>2</v>
      </c>
      <c r="B2" s="1" t="s">
        <v>2</v>
      </c>
      <c r="C2" s="1" t="s">
        <v>2</v>
      </c>
      <c r="D2" s="1" t="s">
        <v>2</v>
      </c>
      <c r="E2" s="1" t="s">
        <v>2</v>
      </c>
      <c r="F2" s="1" t="s">
        <v>2</v>
      </c>
      <c r="G2" s="1" t="s">
        <v>2</v>
      </c>
      <c r="H2" s="1" t="s">
        <v>2</v>
      </c>
      <c r="I2" s="1" t="s">
        <v>2</v>
      </c>
      <c r="J2" s="1" t="s">
        <v>2</v>
      </c>
    </row>
    <row r="3" spans="1:10" x14ac:dyDescent="0.35">
      <c r="A3" s="24" t="s">
        <v>57</v>
      </c>
      <c r="B3" s="23" t="s">
        <v>56</v>
      </c>
      <c r="C3" s="23" t="s">
        <v>55</v>
      </c>
      <c r="D3" s="23" t="s">
        <v>54</v>
      </c>
      <c r="E3" s="23" t="s">
        <v>53</v>
      </c>
      <c r="F3" s="23" t="s">
        <v>36</v>
      </c>
      <c r="G3" s="23" t="s">
        <v>52</v>
      </c>
      <c r="H3" s="23" t="s">
        <v>51</v>
      </c>
      <c r="I3" s="23" t="s">
        <v>50</v>
      </c>
      <c r="J3" s="22" t="s">
        <v>49</v>
      </c>
    </row>
    <row r="4" spans="1:10" x14ac:dyDescent="0.35">
      <c r="A4" s="21" t="s">
        <v>48</v>
      </c>
      <c r="B4" s="20" t="s">
        <v>47</v>
      </c>
      <c r="C4" s="20" t="s">
        <v>46</v>
      </c>
      <c r="D4" s="20" t="s">
        <v>35</v>
      </c>
      <c r="E4" s="20" t="s">
        <v>45</v>
      </c>
      <c r="F4" s="20" t="s">
        <v>3</v>
      </c>
      <c r="G4" s="20" t="s">
        <v>44</v>
      </c>
      <c r="H4" s="20" t="s">
        <v>43</v>
      </c>
      <c r="I4" s="20" t="s">
        <v>42</v>
      </c>
      <c r="J4" s="19" t="s">
        <v>41</v>
      </c>
    </row>
    <row r="5" spans="1:10" x14ac:dyDescent="0.35">
      <c r="A5" s="1" t="s">
        <v>2</v>
      </c>
      <c r="B5" s="1" t="s">
        <v>2</v>
      </c>
      <c r="C5" s="1" t="s">
        <v>2</v>
      </c>
      <c r="D5" s="1" t="s">
        <v>2</v>
      </c>
      <c r="E5" s="1" t="s">
        <v>2</v>
      </c>
      <c r="F5" s="1" t="s">
        <v>2</v>
      </c>
      <c r="G5" s="1" t="s">
        <v>2</v>
      </c>
      <c r="H5" s="1" t="s">
        <v>2</v>
      </c>
      <c r="I5" s="1" t="s">
        <v>2</v>
      </c>
      <c r="J5" s="1" t="s">
        <v>2</v>
      </c>
    </row>
    <row r="7" spans="1:10" x14ac:dyDescent="0.35">
      <c r="A7" s="18" t="s">
        <v>40</v>
      </c>
      <c r="B7" s="18" t="s">
        <v>39</v>
      </c>
      <c r="C7" s="18" t="s">
        <v>38</v>
      </c>
      <c r="D7" s="18" t="s">
        <v>37</v>
      </c>
      <c r="E7" s="18" t="s">
        <v>36</v>
      </c>
    </row>
    <row r="8" spans="1:10" x14ac:dyDescent="0.35">
      <c r="A8" s="15" t="s">
        <v>35</v>
      </c>
      <c r="B8" s="17">
        <v>1560066015.9029677</v>
      </c>
      <c r="C8" s="15" t="s">
        <v>2</v>
      </c>
      <c r="D8" s="16">
        <v>2109813038.9696236</v>
      </c>
      <c r="E8" s="15" t="s">
        <v>2</v>
      </c>
    </row>
    <row r="9" spans="1:10" x14ac:dyDescent="0.35">
      <c r="A9" s="14" t="s">
        <v>34</v>
      </c>
      <c r="B9" s="13">
        <v>1560066015.9029677</v>
      </c>
      <c r="C9" s="11" t="s">
        <v>2</v>
      </c>
      <c r="D9" s="12">
        <v>2109813038.9696236</v>
      </c>
      <c r="E9" s="11" t="s">
        <v>2</v>
      </c>
    </row>
    <row r="10" spans="1:10" x14ac:dyDescent="0.35">
      <c r="A10" s="10" t="s">
        <v>33</v>
      </c>
      <c r="B10" s="9">
        <v>11263175.6</v>
      </c>
      <c r="C10" s="7" t="s">
        <v>4</v>
      </c>
      <c r="D10" s="8">
        <v>17568748.155129343</v>
      </c>
      <c r="E10" s="7" t="s">
        <v>3</v>
      </c>
    </row>
    <row r="11" spans="1:10" x14ac:dyDescent="0.35">
      <c r="A11" s="6" t="s">
        <v>32</v>
      </c>
      <c r="B11" s="5">
        <v>19665764.4554547</v>
      </c>
      <c r="C11" s="3" t="s">
        <v>4</v>
      </c>
      <c r="D11" s="4">
        <v>24712779.832553316</v>
      </c>
      <c r="E11" s="3" t="s">
        <v>3</v>
      </c>
    </row>
    <row r="12" spans="1:10" x14ac:dyDescent="0.35">
      <c r="A12" s="10" t="s">
        <v>31</v>
      </c>
      <c r="B12" s="9">
        <v>20737966.290000003</v>
      </c>
      <c r="C12" s="7" t="s">
        <v>4</v>
      </c>
      <c r="D12" s="8">
        <v>24896751.28741629</v>
      </c>
      <c r="E12" s="7" t="s">
        <v>3</v>
      </c>
    </row>
    <row r="13" spans="1:10" x14ac:dyDescent="0.35">
      <c r="A13" s="6" t="s">
        <v>30</v>
      </c>
      <c r="B13" s="5">
        <v>32715990.9213445</v>
      </c>
      <c r="C13" s="3" t="s">
        <v>29</v>
      </c>
      <c r="D13" s="4">
        <v>37870180.196918368</v>
      </c>
      <c r="E13" s="3" t="s">
        <v>3</v>
      </c>
    </row>
    <row r="14" spans="1:10" x14ac:dyDescent="0.35">
      <c r="A14" s="10" t="s">
        <v>28</v>
      </c>
      <c r="B14" s="9">
        <v>31965363.534474</v>
      </c>
      <c r="C14" s="7" t="s">
        <v>4</v>
      </c>
      <c r="D14" s="8">
        <v>41402576.855541587</v>
      </c>
      <c r="E14" s="7" t="s">
        <v>3</v>
      </c>
    </row>
    <row r="15" spans="1:10" x14ac:dyDescent="0.35">
      <c r="A15" s="6" t="s">
        <v>27</v>
      </c>
      <c r="B15" s="5">
        <v>37018105.701407999</v>
      </c>
      <c r="C15" s="3" t="s">
        <v>4</v>
      </c>
      <c r="D15" s="4">
        <v>51515597.976587884</v>
      </c>
      <c r="E15" s="3" t="s">
        <v>3</v>
      </c>
    </row>
    <row r="16" spans="1:10" x14ac:dyDescent="0.35">
      <c r="A16" s="10" t="s">
        <v>26</v>
      </c>
      <c r="B16" s="9">
        <v>51308220.184965998</v>
      </c>
      <c r="C16" s="7" t="s">
        <v>4</v>
      </c>
      <c r="D16" s="8">
        <v>63939453.582015365</v>
      </c>
      <c r="E16" s="7" t="s">
        <v>3</v>
      </c>
    </row>
    <row r="17" spans="1:5" x14ac:dyDescent="0.35">
      <c r="A17" s="6" t="s">
        <v>25</v>
      </c>
      <c r="B17" s="5">
        <v>17576981.91</v>
      </c>
      <c r="C17" s="3" t="s">
        <v>4</v>
      </c>
      <c r="D17" s="4">
        <v>64175141.716457136</v>
      </c>
      <c r="E17" s="3" t="s">
        <v>3</v>
      </c>
    </row>
    <row r="18" spans="1:5" x14ac:dyDescent="0.35">
      <c r="A18" s="10" t="s">
        <v>24</v>
      </c>
      <c r="B18" s="9">
        <v>52842235.213128</v>
      </c>
      <c r="C18" s="7" t="s">
        <v>4</v>
      </c>
      <c r="D18" s="8">
        <v>64683304.286237277</v>
      </c>
      <c r="E18" s="7" t="s">
        <v>3</v>
      </c>
    </row>
    <row r="19" spans="1:5" x14ac:dyDescent="0.35">
      <c r="A19" s="6" t="s">
        <v>23</v>
      </c>
      <c r="B19" s="5">
        <v>50617992.054821596</v>
      </c>
      <c r="C19" s="3" t="s">
        <v>4</v>
      </c>
      <c r="D19" s="4">
        <v>66296392.408015065</v>
      </c>
      <c r="E19" s="3" t="s">
        <v>3</v>
      </c>
    </row>
    <row r="20" spans="1:5" x14ac:dyDescent="0.35">
      <c r="A20" s="10" t="s">
        <v>22</v>
      </c>
      <c r="B20" s="9">
        <v>61529801.349918395</v>
      </c>
      <c r="C20" s="7" t="s">
        <v>4</v>
      </c>
      <c r="D20" s="8">
        <v>75844074.271897763</v>
      </c>
      <c r="E20" s="7" t="s">
        <v>3</v>
      </c>
    </row>
    <row r="21" spans="1:5" x14ac:dyDescent="0.35">
      <c r="A21" s="6" t="s">
        <v>21</v>
      </c>
      <c r="B21" s="5">
        <v>64246470.560190007</v>
      </c>
      <c r="C21" s="3" t="s">
        <v>4</v>
      </c>
      <c r="D21" s="4">
        <v>76532481.99576354</v>
      </c>
      <c r="E21" s="3" t="s">
        <v>3</v>
      </c>
    </row>
    <row r="22" spans="1:5" x14ac:dyDescent="0.35">
      <c r="A22" s="10" t="s">
        <v>20</v>
      </c>
      <c r="B22" s="9">
        <v>60196730.358102798</v>
      </c>
      <c r="C22" s="7" t="s">
        <v>4</v>
      </c>
      <c r="D22" s="8">
        <v>78718021.09594667</v>
      </c>
      <c r="E22" s="7" t="s">
        <v>3</v>
      </c>
    </row>
    <row r="23" spans="1:5" x14ac:dyDescent="0.35">
      <c r="A23" s="6" t="s">
        <v>19</v>
      </c>
      <c r="B23" s="5">
        <v>30444233.280000001</v>
      </c>
      <c r="C23" s="3" t="s">
        <v>4</v>
      </c>
      <c r="D23" s="4">
        <v>83128104.111976802</v>
      </c>
      <c r="E23" s="3" t="s">
        <v>3</v>
      </c>
    </row>
    <row r="24" spans="1:5" x14ac:dyDescent="0.35">
      <c r="A24" s="10" t="s">
        <v>18</v>
      </c>
      <c r="B24" s="9">
        <v>75887540.114732787</v>
      </c>
      <c r="C24" s="7" t="s">
        <v>4</v>
      </c>
      <c r="D24" s="8">
        <v>84421353.946904495</v>
      </c>
      <c r="E24" s="7" t="s">
        <v>3</v>
      </c>
    </row>
    <row r="25" spans="1:5" x14ac:dyDescent="0.35">
      <c r="A25" s="6" t="s">
        <v>17</v>
      </c>
      <c r="B25" s="5">
        <v>76777956.841760799</v>
      </c>
      <c r="C25" s="3" t="s">
        <v>4</v>
      </c>
      <c r="D25" s="4">
        <v>85813929.546177357</v>
      </c>
      <c r="E25" s="3" t="s">
        <v>3</v>
      </c>
    </row>
    <row r="26" spans="1:5" x14ac:dyDescent="0.35">
      <c r="A26" s="10" t="s">
        <v>16</v>
      </c>
      <c r="B26" s="9">
        <v>59739728.893128201</v>
      </c>
      <c r="C26" s="7" t="s">
        <v>4</v>
      </c>
      <c r="D26" s="8">
        <v>85997709.850467369</v>
      </c>
      <c r="E26" s="7" t="s">
        <v>3</v>
      </c>
    </row>
    <row r="27" spans="1:5" x14ac:dyDescent="0.35">
      <c r="A27" s="6" t="s">
        <v>15</v>
      </c>
      <c r="B27" s="5">
        <v>62695378.948566005</v>
      </c>
      <c r="C27" s="3" t="s">
        <v>4</v>
      </c>
      <c r="D27" s="4">
        <v>90884413.898984343</v>
      </c>
      <c r="E27" s="3" t="s">
        <v>3</v>
      </c>
    </row>
    <row r="28" spans="1:5" x14ac:dyDescent="0.35">
      <c r="A28" s="10" t="s">
        <v>14</v>
      </c>
      <c r="B28" s="9">
        <v>67834796.503131002</v>
      </c>
      <c r="C28" s="7" t="s">
        <v>4</v>
      </c>
      <c r="D28" s="8">
        <v>93032621.532014683</v>
      </c>
      <c r="E28" s="7" t="s">
        <v>3</v>
      </c>
    </row>
    <row r="29" spans="1:5" x14ac:dyDescent="0.35">
      <c r="A29" s="6" t="s">
        <v>13</v>
      </c>
      <c r="B29" s="5">
        <v>76735902.49988851</v>
      </c>
      <c r="C29" s="3" t="s">
        <v>4</v>
      </c>
      <c r="D29" s="4">
        <v>93805011.629386798</v>
      </c>
      <c r="E29" s="3" t="s">
        <v>3</v>
      </c>
    </row>
    <row r="30" spans="1:5" x14ac:dyDescent="0.35">
      <c r="A30" s="10" t="s">
        <v>12</v>
      </c>
      <c r="B30" s="9">
        <v>75402055.92521289</v>
      </c>
      <c r="C30" s="7" t="s">
        <v>4</v>
      </c>
      <c r="D30" s="8">
        <v>94262978.668584064</v>
      </c>
      <c r="E30" s="7" t="s">
        <v>3</v>
      </c>
    </row>
    <row r="31" spans="1:5" x14ac:dyDescent="0.35">
      <c r="A31" s="6" t="s">
        <v>11</v>
      </c>
      <c r="B31" s="5">
        <v>66562112.972329192</v>
      </c>
      <c r="C31" s="3" t="s">
        <v>4</v>
      </c>
      <c r="D31" s="4">
        <v>94351451.475193322</v>
      </c>
      <c r="E31" s="3" t="s">
        <v>3</v>
      </c>
    </row>
    <row r="32" spans="1:5" x14ac:dyDescent="0.35">
      <c r="A32" s="10" t="s">
        <v>10</v>
      </c>
      <c r="B32" s="9">
        <v>70418710.811502919</v>
      </c>
      <c r="C32" s="7" t="s">
        <v>4</v>
      </c>
      <c r="D32" s="8">
        <v>94372505.96016115</v>
      </c>
      <c r="E32" s="7" t="s">
        <v>3</v>
      </c>
    </row>
    <row r="33" spans="1:5" x14ac:dyDescent="0.35">
      <c r="A33" s="6" t="s">
        <v>9</v>
      </c>
      <c r="B33" s="5">
        <v>86304987.187660813</v>
      </c>
      <c r="C33" s="3" t="s">
        <v>4</v>
      </c>
      <c r="D33" s="4">
        <v>100796002.60896282</v>
      </c>
      <c r="E33" s="3" t="s">
        <v>3</v>
      </c>
    </row>
    <row r="34" spans="1:5" x14ac:dyDescent="0.35">
      <c r="A34" s="10" t="s">
        <v>8</v>
      </c>
      <c r="B34" s="9">
        <v>77402612.370606616</v>
      </c>
      <c r="C34" s="7" t="s">
        <v>4</v>
      </c>
      <c r="D34" s="8">
        <v>101234750.51960492</v>
      </c>
      <c r="E34" s="7" t="s">
        <v>3</v>
      </c>
    </row>
    <row r="35" spans="1:5" x14ac:dyDescent="0.35">
      <c r="A35" s="6" t="s">
        <v>7</v>
      </c>
      <c r="B35" s="5">
        <v>81675254.422110215</v>
      </c>
      <c r="C35" s="3" t="s">
        <v>4</v>
      </c>
      <c r="D35" s="4">
        <v>105493778.2985955</v>
      </c>
      <c r="E35" s="3" t="s">
        <v>3</v>
      </c>
    </row>
    <row r="36" spans="1:5" x14ac:dyDescent="0.35">
      <c r="A36" s="10" t="s">
        <v>6</v>
      </c>
      <c r="B36" s="9">
        <v>77568795.506765395</v>
      </c>
      <c r="C36" s="7" t="s">
        <v>4</v>
      </c>
      <c r="D36" s="8">
        <v>106191080.31216618</v>
      </c>
      <c r="E36" s="7" t="s">
        <v>3</v>
      </c>
    </row>
    <row r="37" spans="1:5" x14ac:dyDescent="0.35">
      <c r="A37" s="6" t="s">
        <v>5</v>
      </c>
      <c r="B37" s="5">
        <v>62931151.491764396</v>
      </c>
      <c r="C37" s="3" t="s">
        <v>4</v>
      </c>
      <c r="D37" s="4">
        <v>107871842.94996426</v>
      </c>
      <c r="E37" s="3" t="s">
        <v>3</v>
      </c>
    </row>
    <row r="38" spans="1:5" x14ac:dyDescent="0.35">
      <c r="A38" s="2" t="s">
        <v>2</v>
      </c>
    </row>
    <row r="39" spans="1:5" x14ac:dyDescent="0.35">
      <c r="A39" s="2" t="s">
        <v>1</v>
      </c>
    </row>
    <row r="40" spans="1:5" x14ac:dyDescent="0.35">
      <c r="A40" s="2" t="s">
        <v>0</v>
      </c>
    </row>
  </sheetData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CFCF28E2594944BDDEA777C5D13E7C" ma:contentTypeVersion="25" ma:contentTypeDescription="Create a new document." ma:contentTypeScope="" ma:versionID="36b24c87cf9bdb0f7649617f44d5bdd2">
  <xsd:schema xmlns:xsd="http://www.w3.org/2001/XMLSchema" xmlns:xs="http://www.w3.org/2001/XMLSchema" xmlns:p="http://schemas.microsoft.com/office/2006/metadata/properties" xmlns:ns1="a06af3a4-65f4-44aa-b975-839a2c88f011" xmlns:ns2="37395777-011c-4d78-851b-5c6800e5b497" targetNamespace="http://schemas.microsoft.com/office/2006/metadata/properties" ma:root="true" ma:fieldsID="dd0ecd72d15a105813f7fa2f63a27d2a" ns1:_="" ns2:_="">
    <xsd:import namespace="a06af3a4-65f4-44aa-b975-839a2c88f011"/>
    <xsd:import namespace="37395777-011c-4d78-851b-5c6800e5b497"/>
    <xsd:element name="properties">
      <xsd:complexType>
        <xsd:sequence>
          <xsd:element name="documentManagement">
            <xsd:complexType>
              <xsd:all>
                <xsd:element ref="ns1:Classification" minOccurs="0"/>
                <xsd:element ref="ns2:Business_x0020_area" minOccurs="0"/>
                <xsd:element ref="ns2:Level_x0020_2" minOccurs="0"/>
                <xsd:element ref="ns2:Topic" minOccurs="0"/>
                <xsd:element ref="ns2:Client" minOccurs="0"/>
                <xsd:element ref="ns2:Audience" minOccurs="0"/>
                <xsd:element ref="ns1:Personal_x0020_Data" minOccurs="0"/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1:SharedWithUsers" minOccurs="0"/>
                <xsd:element ref="ns1:SharedWithDetails" minOccurs="0"/>
                <xsd:element ref="ns2:MediaServiceEventHashCode" minOccurs="0"/>
                <xsd:element ref="ns2:MediaServiceGenerationTime" minOccurs="0"/>
                <xsd:element ref="ns2:MediaServiceAutoKeyPoints" minOccurs="0"/>
                <xsd:element ref="ns2:MediaServiceKeyPoints" minOccurs="0"/>
                <xsd:element ref="ns2:MediaLengthInSeconds" minOccurs="0"/>
                <xsd:element ref="ns2:lcf76f155ced4ddcb4097134ff3c332f" minOccurs="0"/>
                <xsd:element ref="ns1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06af3a4-65f4-44aa-b975-839a2c88f011" elementFormDefault="qualified">
    <xsd:import namespace="http://schemas.microsoft.com/office/2006/documentManagement/types"/>
    <xsd:import namespace="http://schemas.microsoft.com/office/infopath/2007/PartnerControls"/>
    <xsd:element name="Classification" ma:index="0" nillable="true" ma:displayName="Classification" ma:default="Internal Only" ma:description="Document Information Classification" ma:format="Dropdown" ma:internalName="Classification">
      <xsd:simpleType>
        <xsd:restriction base="dms:Choice">
          <xsd:enumeration value="Public"/>
          <xsd:enumeration value="Internal Only"/>
          <xsd:enumeration value="Confidential"/>
          <xsd:enumeration value="Strictly Confidential"/>
        </xsd:restriction>
      </xsd:simpleType>
    </xsd:element>
    <xsd:element name="Personal_x0020_Data" ma:index="8" nillable="true" ma:displayName="Personal Data" ma:default="0" ma:indexed="true" ma:internalName="Personal_x0020_Data">
      <xsd:simpleType>
        <xsd:restriction base="dms:Boolean"/>
      </xsd:simpleType>
    </xsd:element>
    <xsd:element name="SharedWithUsers" ma:index="2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8" nillable="true" ma:displayName="Taxonomy Catch All Column" ma:hidden="true" ma:list="{9bc17256-2059-4441-9792-5643375b238b}" ma:internalName="TaxCatchAll" ma:showField="CatchAllData" ma:web="a06af3a4-65f4-44aa-b975-839a2c88f01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7395777-011c-4d78-851b-5c6800e5b497" elementFormDefault="qualified">
    <xsd:import namespace="http://schemas.microsoft.com/office/2006/documentManagement/types"/>
    <xsd:import namespace="http://schemas.microsoft.com/office/infopath/2007/PartnerControls"/>
    <xsd:element name="Business_x0020_area" ma:index="1" nillable="true" ma:displayName="Folder 1" ma:internalName="Business_x0020_area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 Services"/>
                        <xsd:enumeration value="Client newsletters"/>
                        <xsd:enumeration value="Events"/>
                        <xsd:enumeration value="Templates Branding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Level_x0020_2" ma:index="2" nillable="true" ma:displayName="Folder 2" ma:internalName="Level_x0020_2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Archive"/>
                        <xsd:enumeration value="Awards"/>
                        <xsd:enumeration value="Clients"/>
                        <xsd:enumeration value="Conferences"/>
                        <xsd:enumeration value="Documents"/>
                        <xsd:enumeration value="Drafts"/>
                        <xsd:enumeration value="Fund logos"/>
                        <xsd:enumeration value="Fund managers"/>
                        <xsd:enumeration value="Logos and graphics"/>
                        <xsd:enumeration value="Other"/>
                        <xsd:enumeration value="Other people's logo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Topic" ma:index="5" nillable="true" ma:displayName="Topic" ma:internalName="Topic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lients"/>
                        <xsd:enumeration value="Committee"/>
                        <xsd:enumeration value="ESG"/>
                        <xsd:enumeration value="Fossil fuels and disinvestment"/>
                        <xsd:enumeration value="Government engagement"/>
                        <xsd:enumeration value="Performance"/>
                        <xsd:enumeration value="Pooling"/>
                        <xsd:enumeration value="Portfolios"/>
                        <xsd:enumeration value="RI"/>
                        <xsd:enumeration value="SAB"/>
                        <xsd:enumeration value="Services contract"/>
                        <xsd:enumeration value="Strategy"/>
                        <xsd:enumeration value="Training"/>
                        <xsd:enumeration value="Transitions"/>
                        <xsd:enumeration value="Union Petitions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Client" ma:index="6" nillable="true" ma:displayName="Client" ma:list="{5afffc3f-398b-4f34-b372-1683515a39c4}" ma:internalName="Client" ma:readOnly="false" ma:showField="Titl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Audience" ma:index="7" nillable="true" ma:displayName="Audience" ma:internalName="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lients"/>
                    <xsd:enumeration value="External"/>
                    <xsd:enumeration value="Fund managers"/>
                    <xsd:enumeration value="Internal"/>
                  </xsd:restriction>
                </xsd:simpleType>
              </xsd:element>
            </xsd:sequence>
          </xsd:extension>
        </xsd:complexContent>
      </xsd:complexType>
    </xsd:element>
    <xsd:element name="MediaServiceMetadata" ma:index="12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5" nillable="true" ma:displayName="MediaServiceAutoTags" ma:internalName="MediaServiceAutoTags" ma:readOnly="true">
      <xsd:simpleType>
        <xsd:restriction base="dms:Text"/>
      </xsd:simpleType>
    </xsd:element>
    <xsd:element name="MediaServiceOCR" ma:index="16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MediaServiceLocation" ma:internalName="MediaServiceLocation" ma:readOnly="true">
      <xsd:simpleType>
        <xsd:restriction base="dms:Text"/>
      </xsd:simpleType>
    </xsd:element>
    <xsd:element name="MediaServiceEventHashCode" ma:index="2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2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LengthInSeconds" ma:index="26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7" nillable="true" ma:taxonomy="true" ma:internalName="lcf76f155ced4ddcb4097134ff3c332f" ma:taxonomyFieldName="MediaServiceImageTags" ma:displayName="Image Tags" ma:readOnly="false" ma:fieldId="{5cf76f15-5ced-4ddc-b409-7134ff3c332f}" ma:taxonomyMulti="true" ma:sspId="215a94fe-8423-4890-bab4-97fa22e490d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9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usiness_x0020_area xmlns="37395777-011c-4d78-851b-5c6800e5b497" xsi:nil="true"/>
    <Level_x0020_2 xmlns="37395777-011c-4d78-851b-5c6800e5b497"/>
    <Topic xmlns="37395777-011c-4d78-851b-5c6800e5b497"/>
    <Audience xmlns="37395777-011c-4d78-851b-5c6800e5b497" xsi:nil="true"/>
    <Personal_x0020_Data xmlns="a06af3a4-65f4-44aa-b975-839a2c88f011">false</Personal_x0020_Data>
    <Classification xmlns="a06af3a4-65f4-44aa-b975-839a2c88f011">Internal Only</Classification>
    <Client xmlns="37395777-011c-4d78-851b-5c6800e5b497" xsi:nil="true"/>
    <TaxCatchAll xmlns="a06af3a4-65f4-44aa-b975-839a2c88f011" xsi:nil="true"/>
    <lcf76f155ced4ddcb4097134ff3c332f xmlns="37395777-011c-4d78-851b-5c6800e5b497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72693689-26D9-4702-A555-7D6051571FC3}"/>
</file>

<file path=customXml/itemProps2.xml><?xml version="1.0" encoding="utf-8"?>
<ds:datastoreItem xmlns:ds="http://schemas.openxmlformats.org/officeDocument/2006/customXml" ds:itemID="{CFE436CB-CE60-4EA1-AFBE-A324D0C55E5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3C1D419-BFF4-476E-B287-4AF3931C6F4D}">
  <ds:schemaRefs>
    <ds:schemaRef ds:uri="http://www.w3.org/XML/1998/namespace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elements/1.1/"/>
    <ds:schemaRef ds:uri="37395777-011c-4d78-851b-5c6800e5b497"/>
    <ds:schemaRef ds:uri="a06af3a4-65f4-44aa-b975-839a2c88f011"/>
    <ds:schemaRef ds:uri="http://schemas.microsoft.com/office/infopath/2007/PartnerControls"/>
    <ds:schemaRef ds:uri="http://schemas.microsoft.com/office/2006/metadata/properties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ALO5LITTL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ethan Jones</dc:creator>
  <cp:lastModifiedBy>Bethan Jones</cp:lastModifiedBy>
  <dcterms:created xsi:type="dcterms:W3CDTF">2022-07-08T08:16:32Z</dcterms:created>
  <dcterms:modified xsi:type="dcterms:W3CDTF">2022-07-08T08:17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CFCF28E2594944BDDEA777C5D13E7C</vt:lpwstr>
  </property>
</Properties>
</file>